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9"/>
    <p:sldMasterId id="2147483987" r:id="rId10"/>
  </p:sldMasterIdLst>
  <p:notesMasterIdLst>
    <p:notesMasterId r:id="rId16"/>
  </p:notesMasterIdLst>
  <p:handoutMasterIdLst>
    <p:handoutMasterId r:id="rId17"/>
  </p:handoutMasterIdLst>
  <p:sldIdLst>
    <p:sldId id="257" r:id="rId11"/>
    <p:sldId id="258" r:id="rId12"/>
    <p:sldId id="261" r:id="rId13"/>
    <p:sldId id="262" r:id="rId14"/>
    <p:sldId id="263" r:id="rId15"/>
  </p:sldIdLst>
  <p:sldSz cx="12192000" cy="6858000"/>
  <p:notesSz cx="6858000" cy="9144000"/>
  <p:custDataLst>
    <p:tags r:id="rId1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FD2A80A-8E12-489A-8B0C-E6336580F894}" v="4" dt="2022-10-20T06:33:43.43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60"/>
  </p:normalViewPr>
  <p:slideViewPr>
    <p:cSldViewPr snapToGrid="0" showGuides="1">
      <p:cViewPr>
        <p:scale>
          <a:sx n="125" d="100"/>
          <a:sy n="125" d="100"/>
        </p:scale>
        <p:origin x="-102" y="-82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microsoft.com/office/2015/10/relationships/revisionInfo" Target="revisionInfo.xml"/><Relationship Id="rId10" Type="http://schemas.openxmlformats.org/officeDocument/2006/relationships/slideMaster" Target="slideMasters/slideMaster2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4.xml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0/10/2022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0/10/2022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Relationship Id="rId9" Type="http://schemas.openxmlformats.org/officeDocument/2006/relationships/image" Target="../media/image16.png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D3B89D64-B650-4E0A-8B77-69ECF95B5A0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818902" y="443806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F48DFA86-33C4-4DBB-A0EA-DB28DC4C2F9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17385FF2-54BC-4585-AC9A-665DB93EBA1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 marL="0" indent="0">
              <a:buNone/>
              <a:tabLst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25FEAC-FB2A-4E04-A1F0-34E6995C213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DF5D933-4575-418D-9DE4-A56E4CA0F5B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E4065B15-25FC-46BC-A06F-AA8614ED848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449554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58A093A2-8ED3-43CD-B950-888106990D8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AAEC3064-9F37-42F0-B69D-798280580D8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  <p:sp>
        <p:nvSpPr>
          <p:cNvPr id="16" name="Copyright">
            <a:extLst>
              <a:ext uri="{FF2B5EF4-FFF2-40B4-BE49-F238E27FC236}">
                <a16:creationId xmlns:a16="http://schemas.microsoft.com/office/drawing/2014/main" id="{26B28194-B07A-45AB-9333-5AF168E3549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4501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solidFill>
                  <a:schemeClr val="bg2"/>
                </a:solidFill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74380270-8197-433E-A5D1-E3D82ED41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C618A0A1-0C41-4356-B539-41589BCD47A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4C55AA7F-7F5F-4DD5-975C-5E71125E73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58303337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B103D9E7-7EBB-4C59-9839-7BB8AD86889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7AECFC4F-8375-498A-991F-37153AF1D3B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ing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772E8618-79E2-441E-943F-50F0CC1684F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0831648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H version_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CE23DF35-FFD6-46A0-BDB8-3327ABA5D76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88525431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4A7345B-4D74-49C1-930D-4BBB5DA9EEB3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54D6592C-B81E-4F2C-B832-B37C57FA122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10480765" y="1753221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02980B71-BDCC-4079-B6D7-3CC746B4148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91B7738-066C-4911-AC10-569A55E17FD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816453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C6A9BF4B-165D-4233-A4AE-023A5ABBEDE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8F8B7E56-553E-4DA9-BD1C-5D50952E0D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554515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34CEC00F-8512-460C-9061-435C1FC758A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 rot="16200000">
            <a:off x="10480765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CC1F608D-03EF-4B00-A8C1-A5D9080D1FE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 rot="16200000">
            <a:off x="7554516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F4C3D172-D8AB-40B9-AD21-E3633B28148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1020764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E07B621F-C3D1-402D-8EC2-6149DBF2C88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8094515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4" name="Copyright">
            <a:extLst>
              <a:ext uri="{FF2B5EF4-FFF2-40B4-BE49-F238E27FC236}">
                <a16:creationId xmlns:a16="http://schemas.microsoft.com/office/drawing/2014/main" id="{30093E19-D22B-454E-B253-1E3037C14F47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11020765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5" name="Copyright">
            <a:extLst>
              <a:ext uri="{FF2B5EF4-FFF2-40B4-BE49-F238E27FC236}">
                <a16:creationId xmlns:a16="http://schemas.microsoft.com/office/drawing/2014/main" id="{9CC18F20-0ED4-4F22-9C04-D7DF968B573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8094516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220A206B-2A5A-432F-B817-4CF5D5214EE1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1020766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7" name="Copyright">
            <a:extLst>
              <a:ext uri="{FF2B5EF4-FFF2-40B4-BE49-F238E27FC236}">
                <a16:creationId xmlns:a16="http://schemas.microsoft.com/office/drawing/2014/main" id="{47A70906-00C8-46B4-A8C8-E1DEAC6A204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8094517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C2BAEB83-C0F6-49C3-824E-91581597843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5441378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06BA3D43-5A99-42FF-9C1D-50DA5EA3C25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00043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6" name="Copyright">
            <a:extLst>
              <a:ext uri="{FF2B5EF4-FFF2-40B4-BE49-F238E27FC236}">
                <a16:creationId xmlns:a16="http://schemas.microsoft.com/office/drawing/2014/main" id="{14BBA61A-149B-4318-957B-7CBC65271626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5441379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7" name="Copyright">
            <a:extLst>
              <a:ext uri="{FF2B5EF4-FFF2-40B4-BE49-F238E27FC236}">
                <a16:creationId xmlns:a16="http://schemas.microsoft.com/office/drawing/2014/main" id="{7DF0C480-D791-4D19-B83C-E032A4974133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-100042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4" name="Copyright">
            <a:extLst>
              <a:ext uri="{FF2B5EF4-FFF2-40B4-BE49-F238E27FC236}">
                <a16:creationId xmlns:a16="http://schemas.microsoft.com/office/drawing/2014/main" id="{5483EB19-998C-4763-8E8E-E11ED37F0FB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8335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50EF55B1-84B6-47C6-A9DD-73DF3C7CB8D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433263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7597ACA5-BAFF-4F69-A27C-CC42E930FC5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0438597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727AEC6E-0B13-4AE0-963F-9E317D70C9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729012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0886C253-7D1A-44B3-BD61-DA9FCBA67F6C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3013500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DAA6FF9A-F009-49E2-9244-B19010D14F35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 rot="16200000">
            <a:off x="10429452" y="2954637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8" name="Picture Placeholder 5">
            <a:extLst>
              <a:ext uri="{FF2B5EF4-FFF2-40B4-BE49-F238E27FC236}">
                <a16:creationId xmlns:a16="http://schemas.microsoft.com/office/drawing/2014/main" id="{ED5DFF67-256E-4BA0-B43C-D5CBD4D62F64}"/>
              </a:ext>
            </a:extLst>
          </p:cNvPr>
          <p:cNvSpPr>
            <a:spLocks noGrp="1"/>
          </p:cNvSpPr>
          <p:nvPr>
            <p:ph type="pic" sz="quarter" idx="70" hasCustomPrompt="1"/>
          </p:nvPr>
        </p:nvSpPr>
        <p:spPr>
          <a:xfrm>
            <a:off x="9013188" y="1805242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646808F-ADC5-496F-BB90-E0DFAD28C2F4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 rot="16200000">
            <a:off x="10429452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B341DC74-1817-47AE-AD29-20A16E784251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 rot="16200000">
            <a:off x="7615979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1" name="Copyright">
            <a:extLst>
              <a:ext uri="{FF2B5EF4-FFF2-40B4-BE49-F238E27FC236}">
                <a16:creationId xmlns:a16="http://schemas.microsoft.com/office/drawing/2014/main" id="{489578E9-FF2D-4ED4-A34F-254B0035111E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 rot="16200000">
            <a:off x="4879043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2" name="Copyright">
            <a:extLst>
              <a:ext uri="{FF2B5EF4-FFF2-40B4-BE49-F238E27FC236}">
                <a16:creationId xmlns:a16="http://schemas.microsoft.com/office/drawing/2014/main" id="{F9BE0760-36BE-4E10-A52A-31801D404376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 rot="16200000">
            <a:off x="2065570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1227C5-83F5-4CE5-A066-ABCED3EA89D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877054-906F-4483-A462-E297703E3BE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4220E0C-11C5-47FC-9A82-A7C92F87892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7CE773-3306-49AE-B08B-63091F61AF9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2288666-815B-4FFB-8AD7-A7F1EF86EB7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C762258-F70B-432D-97B4-9C3E57507F4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024D79-E118-4261-B0FE-78FF659D456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0946E7-114D-43EE-ABEB-A30D465A342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36D4DA48-61E1-4E18-8037-8A7AC9F90C6F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06710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Copyright">
            <a:extLst>
              <a:ext uri="{FF2B5EF4-FFF2-40B4-BE49-F238E27FC236}">
                <a16:creationId xmlns:a16="http://schemas.microsoft.com/office/drawing/2014/main" id="{A3ACC3AE-95D0-44AA-808F-F9FD3C99ABC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3622149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8BAB32CB-BB1C-45FF-86A5-B1398EE9A80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42EEB2C-2FA6-4E60-8BC0-3B0A200FE69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 rot="16200000">
            <a:off x="4360211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7392EE9F-7032-44FA-9700-6A84928DA764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98F55F89-83E9-43FE-BEE5-0B42464546FD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4360212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A2E1D88-07B2-471E-90A1-74C7AD1E275B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050EE8D4-F5B0-4390-AF5C-1EAA874A7F46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8FAE7B5C-6B8D-4484-9545-E71653BA2F27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 rot="16200000">
            <a:off x="642188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FF2B36E2-7D6D-48C3-A60D-214213665E5C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 rot="16200000">
            <a:off x="642188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652D745A-E943-4EFF-8B4F-6FD8C1784249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 rot="16200000">
            <a:off x="2296269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889B75A5-26AB-431B-A907-6EF11975EB12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 rot="16200000">
            <a:off x="2296270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F602C899-8005-40F8-A9B0-E4F2A7E8611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3742587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C101D9F4-BB9A-4CE5-84BF-D5DBCF64087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Decreas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Reset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0" kern="1200" dirty="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Layout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mage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ols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ll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5200809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F5ECD375-0233-4248-828F-785FB172D7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977257" y="441672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5">
            <a:extLst>
              <a:ext uri="{96DAC541-7B7A-43D3-8B79-37D633B846F1}">
                <asvg:svgBlip xmlns:asvg="http://schemas.microsoft.com/office/drawing/2016/SVG/main" r:embed="rId56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791" r:id="rId2"/>
    <p:sldLayoutId id="2147483910" r:id="rId3"/>
    <p:sldLayoutId id="2147483840" r:id="rId4"/>
    <p:sldLayoutId id="2147483792" r:id="rId5"/>
    <p:sldLayoutId id="2147483908" r:id="rId6"/>
    <p:sldLayoutId id="2147483663" r:id="rId7"/>
    <p:sldLayoutId id="2147483699" r:id="rId8"/>
    <p:sldLayoutId id="2147483650" r:id="rId9"/>
    <p:sldLayoutId id="2147483751" r:id="rId10"/>
    <p:sldLayoutId id="2147483664" r:id="rId11"/>
    <p:sldLayoutId id="2147483691" r:id="rId12"/>
    <p:sldLayoutId id="2147483690" r:id="rId13"/>
    <p:sldLayoutId id="2147483923" r:id="rId14"/>
    <p:sldLayoutId id="2147483825" r:id="rId15"/>
    <p:sldLayoutId id="2147483928" r:id="rId16"/>
    <p:sldLayoutId id="2147483929" r:id="rId17"/>
    <p:sldLayoutId id="2147483890" r:id="rId18"/>
    <p:sldLayoutId id="2147483920" r:id="rId19"/>
    <p:sldLayoutId id="2147483926" r:id="rId20"/>
    <p:sldLayoutId id="2147483985" r:id="rId21"/>
    <p:sldLayoutId id="2147483930" r:id="rId22"/>
    <p:sldLayoutId id="2147483927" r:id="rId23"/>
    <p:sldLayoutId id="2147483986" r:id="rId24"/>
    <p:sldLayoutId id="2147483984" r:id="rId25"/>
    <p:sldLayoutId id="2147483827" r:id="rId26"/>
    <p:sldLayoutId id="2147483912" r:id="rId27"/>
    <p:sldLayoutId id="2147483913" r:id="rId28"/>
    <p:sldLayoutId id="2147483914" r:id="rId29"/>
    <p:sldLayoutId id="2147483838" r:id="rId30"/>
    <p:sldLayoutId id="2147483836" r:id="rId31"/>
    <p:sldLayoutId id="2147483837" r:id="rId32"/>
    <p:sldLayoutId id="2147483921" r:id="rId33"/>
    <p:sldLayoutId id="2147483917" r:id="rId34"/>
    <p:sldLayoutId id="2147483916" r:id="rId35"/>
    <p:sldLayoutId id="2147483925" r:id="rId36"/>
    <p:sldLayoutId id="2147483918" r:id="rId37"/>
    <p:sldLayoutId id="2147483924" r:id="rId38"/>
    <p:sldLayoutId id="2147483922" r:id="rId39"/>
    <p:sldLayoutId id="2147483919" r:id="rId40"/>
    <p:sldLayoutId id="2147483867" r:id="rId41"/>
    <p:sldLayoutId id="2147483868" r:id="rId42"/>
    <p:sldLayoutId id="2147483869" r:id="rId43"/>
    <p:sldLayoutId id="2147483870" r:id="rId44"/>
    <p:sldLayoutId id="2147483871" r:id="rId45"/>
    <p:sldLayoutId id="2147483882" r:id="rId46"/>
    <p:sldLayoutId id="2147483883" r:id="rId47"/>
    <p:sldLayoutId id="2147483911" r:id="rId48"/>
    <p:sldLayoutId id="2147483884" r:id="rId49"/>
    <p:sldLayoutId id="2147483885" r:id="rId50"/>
    <p:sldLayoutId id="2147483909" r:id="rId51"/>
    <p:sldLayoutId id="2147483931" r:id="rId52"/>
    <p:sldLayoutId id="2147483932" r:id="rId53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A7BF1C5-7763-46CF-A208-CA72561C0F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797B1-B762-4D63-983D-2C87F33B01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179541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1FDF2C-7938-7907-3CF4-796DD9DE44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zh-CN" altLang="en-US" dirty="0"/>
              <a:t>金桥项目裙楼埋件逻辑梳理</a:t>
            </a:r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0CA29298-D929-5FF6-BB20-43E07BA0758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4CD620F6-5AA8-DBA7-8FC1-23280D9F4F3C}"/>
              </a:ext>
            </a:extLst>
          </p:cNvPr>
          <p:cNvPicPr>
            <a:picLocks noGrp="1" noChangeAspect="1" noChangeArrowheads="1"/>
          </p:cNvPicPr>
          <p:nvPr>
            <p:ph sz="quarter" idx="16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13204" y="1811338"/>
            <a:ext cx="8165592" cy="43545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53394913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12E9C2-E888-F8CB-9204-8091E5E470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01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F2C6BB6-D355-E06E-E198-27FDE3B8B92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120513E-01C3-6CED-C247-E85777AA4D6A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5722532" cy="1617661"/>
          </a:xfrm>
        </p:spPr>
        <p:txBody>
          <a:bodyPr/>
          <a:lstStyle/>
          <a:p>
            <a:r>
              <a:rPr lang="zh-CN" altLang="en-US" dirty="0"/>
              <a:t>无檐口</a:t>
            </a:r>
            <a:r>
              <a:rPr lang="en-US" altLang="zh-CN" dirty="0"/>
              <a:t>[</a:t>
            </a:r>
            <a:r>
              <a:rPr lang="zh-CN" altLang="en-US" dirty="0"/>
              <a:t>即无檐口边线</a:t>
            </a:r>
            <a:r>
              <a:rPr lang="en-US" altLang="zh-CN" dirty="0"/>
              <a:t>]</a:t>
            </a:r>
          </a:p>
          <a:p>
            <a:r>
              <a:rPr lang="zh-CN" altLang="en-US" dirty="0"/>
              <a:t>建筑线上下层连续</a:t>
            </a:r>
            <a:r>
              <a:rPr lang="en-US" altLang="zh-CN" dirty="0"/>
              <a:t>[</a:t>
            </a:r>
            <a:r>
              <a:rPr lang="zh-CN" altLang="en-US" dirty="0"/>
              <a:t>即上下两层建筑边线重合</a:t>
            </a:r>
            <a:r>
              <a:rPr lang="en-US" altLang="zh-CN" dirty="0"/>
              <a:t>]</a:t>
            </a:r>
          </a:p>
          <a:p>
            <a:endParaRPr lang="en-US" altLang="zh-CN" dirty="0"/>
          </a:p>
          <a:p>
            <a:endParaRPr lang="en-US" altLang="zh-CN" dirty="0"/>
          </a:p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AFCB1D5-0209-76C7-02D8-FA235070E3A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723481" y="1101336"/>
            <a:ext cx="3266825" cy="5478475"/>
          </a:xfrm>
          <a:prstGeom prst="rect">
            <a:avLst/>
          </a:prstGeom>
        </p:spPr>
      </p:pic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71C02D30-0B13-C782-37DD-A9738CFB22D5}"/>
              </a:ext>
            </a:extLst>
          </p:cNvPr>
          <p:cNvSpPr txBox="1">
            <a:spLocks/>
          </p:cNvSpPr>
          <p:nvPr/>
        </p:nvSpPr>
        <p:spPr>
          <a:xfrm>
            <a:off x="658814" y="4050314"/>
            <a:ext cx="5722532" cy="161766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zh-CN" altLang="en-US" dirty="0"/>
              <a:t>找钢结构边布置：</a:t>
            </a:r>
            <a:endParaRPr lang="en-US" altLang="zh-CN" dirty="0"/>
          </a:p>
          <a:p>
            <a:r>
              <a:rPr lang="zh-CN" altLang="en-US" dirty="0"/>
              <a:t>侧焊钢板</a:t>
            </a:r>
            <a:endParaRPr lang="en-US" altLang="zh-CN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3281124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12E9C2-E888-F8CB-9204-8091E5E470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02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F2C6BB6-D355-E06E-E198-27FDE3B8B92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120513E-01C3-6CED-C247-E85777AA4D6A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3328418" cy="2536925"/>
          </a:xfrm>
        </p:spPr>
        <p:txBody>
          <a:bodyPr/>
          <a:lstStyle/>
          <a:p>
            <a:r>
              <a:rPr lang="zh-CN" altLang="en-US" dirty="0"/>
              <a:t>檐口本身</a:t>
            </a:r>
            <a:endParaRPr lang="en-US" altLang="zh-CN" dirty="0"/>
          </a:p>
          <a:p>
            <a:endParaRPr lang="en-US" altLang="zh-CN" dirty="0"/>
          </a:p>
          <a:p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B27EF6C-CDE3-489A-FE7A-9B285D58550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94649" y="1811339"/>
            <a:ext cx="4171383" cy="268284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57BFC2DB-42C4-CD4C-4606-D594E95C125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596634" y="1811339"/>
            <a:ext cx="4390102" cy="2682840"/>
          </a:xfrm>
          <a:prstGeom prst="rect">
            <a:avLst/>
          </a:prstGeom>
        </p:spPr>
      </p:pic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5B23FCF7-D307-FE05-14E0-46E137FD474B}"/>
              </a:ext>
            </a:extLst>
          </p:cNvPr>
          <p:cNvCxnSpPr>
            <a:cxnSpLocks/>
          </p:cNvCxnSpPr>
          <p:nvPr/>
        </p:nvCxnSpPr>
        <p:spPr>
          <a:xfrm flipH="1" flipV="1">
            <a:off x="9680575" y="2811780"/>
            <a:ext cx="629285" cy="239268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0ABD03B9-5562-A607-8BB0-AE3FCF93DBA7}"/>
              </a:ext>
            </a:extLst>
          </p:cNvPr>
          <p:cNvSpPr txBox="1"/>
          <p:nvPr/>
        </p:nvSpPr>
        <p:spPr>
          <a:xfrm>
            <a:off x="8278238" y="5225247"/>
            <a:ext cx="3599138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zh-CN" altLang="en-US" dirty="0"/>
              <a:t>注意如果下层顶有吊顶则需要额外增加内侧的埋件</a:t>
            </a:r>
            <a:endParaRPr lang="en-US" altLang="zh-CN" dirty="0"/>
          </a:p>
          <a:p>
            <a:pPr algn="l"/>
            <a:r>
              <a:rPr lang="zh-CN" altLang="en-US" dirty="0"/>
              <a:t>判定表达：</a:t>
            </a:r>
            <a:r>
              <a:rPr lang="zh-CN" altLang="en-US" dirty="0">
                <a:solidFill>
                  <a:srgbClr val="FF0000"/>
                </a:solidFill>
              </a:rPr>
              <a:t>下层建筑边线如果在上层结构边线内</a:t>
            </a:r>
            <a:r>
              <a:rPr lang="en-US" altLang="zh-CN" dirty="0">
                <a:solidFill>
                  <a:srgbClr val="FF0000"/>
                </a:solidFill>
              </a:rPr>
              <a:t>[need to be checked]</a:t>
            </a:r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CA0F7B9-8DDF-8DAC-C78F-6FFF9308F719}"/>
              </a:ext>
            </a:extLst>
          </p:cNvPr>
          <p:cNvSpPr txBox="1"/>
          <p:nvPr/>
        </p:nvSpPr>
        <p:spPr>
          <a:xfrm>
            <a:off x="4231532" y="5225247"/>
            <a:ext cx="3934500" cy="138499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zh-CN" altLang="en-US" dirty="0"/>
              <a:t>注意如果下层幕墙边线在钢结构正下方则在钢梁底部做埋件</a:t>
            </a:r>
            <a:endParaRPr lang="en-US" altLang="zh-CN" dirty="0"/>
          </a:p>
          <a:p>
            <a:pPr algn="l"/>
            <a:r>
              <a:rPr lang="zh-CN" altLang="en-US" dirty="0"/>
              <a:t>判定表达：</a:t>
            </a:r>
            <a:r>
              <a:rPr lang="zh-CN" altLang="en-US" dirty="0">
                <a:solidFill>
                  <a:srgbClr val="FF0000"/>
                </a:solidFill>
              </a:rPr>
              <a:t>下层建筑边线如果在上层结构边线一定范围内</a:t>
            </a:r>
            <a:r>
              <a:rPr lang="en-US" altLang="zh-CN" dirty="0">
                <a:solidFill>
                  <a:srgbClr val="FF0000"/>
                </a:solidFill>
              </a:rPr>
              <a:t>[need to be checked</a:t>
            </a:r>
            <a:r>
              <a:rPr lang="zh-CN" altLang="en-US" dirty="0">
                <a:solidFill>
                  <a:srgbClr val="FF0000"/>
                </a:solidFill>
              </a:rPr>
              <a:t>一个幕墙龙骨深度？？？？</a:t>
            </a:r>
            <a:r>
              <a:rPr lang="en-US" altLang="zh-CN" dirty="0">
                <a:solidFill>
                  <a:srgbClr val="FF0000"/>
                </a:solidFill>
              </a:rPr>
              <a:t>]</a:t>
            </a:r>
            <a:endParaRPr lang="en-US" dirty="0">
              <a:solidFill>
                <a:srgbClr val="FF0000"/>
              </a:solidFill>
            </a:endParaRP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C1D7771A-13EC-9548-9D77-6BF1BCE1D938}"/>
              </a:ext>
            </a:extLst>
          </p:cNvPr>
          <p:cNvCxnSpPr>
            <a:cxnSpLocks/>
          </p:cNvCxnSpPr>
          <p:nvPr/>
        </p:nvCxnSpPr>
        <p:spPr>
          <a:xfrm flipH="1" flipV="1">
            <a:off x="6524720" y="4348264"/>
            <a:ext cx="618366" cy="36421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EEF9FD31-35F8-9C50-E42E-3E0475ECB14F}"/>
              </a:ext>
            </a:extLst>
          </p:cNvPr>
          <p:cNvCxnSpPr>
            <a:cxnSpLocks/>
          </p:cNvCxnSpPr>
          <p:nvPr/>
        </p:nvCxnSpPr>
        <p:spPr>
          <a:xfrm flipH="1" flipV="1">
            <a:off x="6442311" y="3362740"/>
            <a:ext cx="618366" cy="36421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70F788E4-110B-9959-2C85-4070DC64D2A8}"/>
              </a:ext>
            </a:extLst>
          </p:cNvPr>
          <p:cNvSpPr txBox="1">
            <a:spLocks/>
          </p:cNvSpPr>
          <p:nvPr/>
        </p:nvSpPr>
        <p:spPr>
          <a:xfrm>
            <a:off x="658814" y="4050314"/>
            <a:ext cx="5722532" cy="161766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zh-CN" altLang="en-US" dirty="0"/>
              <a:t>找钢结构边布置：</a:t>
            </a:r>
            <a:endParaRPr lang="en-US" altLang="zh-CN" dirty="0"/>
          </a:p>
          <a:p>
            <a:r>
              <a:rPr lang="zh-CN" altLang="en-US" dirty="0"/>
              <a:t>侧焊钢板</a:t>
            </a:r>
            <a:endParaRPr lang="en-US" altLang="zh-CN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474866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12E9C2-E888-F8CB-9204-8091E5E470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03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F2C6BB6-D355-E06E-E198-27FDE3B8B92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120513E-01C3-6CED-C247-E85777AA4D6A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3355636" cy="1826806"/>
          </a:xfrm>
        </p:spPr>
        <p:txBody>
          <a:bodyPr/>
          <a:lstStyle/>
          <a:p>
            <a:r>
              <a:rPr lang="zh-CN" altLang="en-US" dirty="0"/>
              <a:t>有檐口</a:t>
            </a:r>
            <a:r>
              <a:rPr lang="en-US" altLang="zh-CN" dirty="0"/>
              <a:t>[</a:t>
            </a:r>
            <a:r>
              <a:rPr lang="zh-CN" altLang="en-US" dirty="0"/>
              <a:t>檐口线在结构线外侧</a:t>
            </a:r>
            <a:r>
              <a:rPr lang="en-US" altLang="zh-CN" dirty="0"/>
              <a:t>]</a:t>
            </a:r>
          </a:p>
          <a:p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086247-C11A-7E54-97DF-1A90C4C28605}"/>
              </a:ext>
            </a:extLst>
          </p:cNvPr>
          <p:cNvSpPr txBox="1">
            <a:spLocks/>
          </p:cNvSpPr>
          <p:nvPr/>
        </p:nvSpPr>
        <p:spPr>
          <a:xfrm>
            <a:off x="658814" y="4050314"/>
            <a:ext cx="5722532" cy="161766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zh-CN" altLang="en-US" dirty="0"/>
              <a:t>找钢结构边布置：</a:t>
            </a:r>
            <a:endParaRPr lang="en-US" altLang="zh-CN" dirty="0"/>
          </a:p>
          <a:p>
            <a:r>
              <a:rPr lang="zh-CN" altLang="en-US" dirty="0"/>
              <a:t>侧焊钢板</a:t>
            </a:r>
            <a:endParaRPr lang="en-US" altLang="zh-CN" dirty="0"/>
          </a:p>
          <a:p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BA40E0F-43AF-E5CF-280A-6D427A720E7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182019" y="888017"/>
            <a:ext cx="2199327" cy="1846643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9E967CEC-0474-6D16-47DD-84425D489F3B}"/>
              </a:ext>
            </a:extLst>
          </p:cNvPr>
          <p:cNvSpPr txBox="1"/>
          <p:nvPr/>
        </p:nvSpPr>
        <p:spPr>
          <a:xfrm>
            <a:off x="4014449" y="2838489"/>
            <a:ext cx="3291023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zh-CN" altLang="en-US" dirty="0"/>
              <a:t>下层幕墙边线较近位置有钢结构</a:t>
            </a:r>
            <a:r>
              <a:rPr lang="en-US" altLang="zh-CN" dirty="0"/>
              <a:t>[</a:t>
            </a:r>
            <a:r>
              <a:rPr lang="zh-CN" altLang="en-US" dirty="0"/>
              <a:t>正上方</a:t>
            </a:r>
            <a:r>
              <a:rPr lang="en-US" altLang="zh-CN" dirty="0"/>
              <a:t>]</a:t>
            </a:r>
            <a:r>
              <a:rPr lang="zh-CN" altLang="en-US" dirty="0"/>
              <a:t>则在钢结构底部连接</a:t>
            </a:r>
            <a:endParaRPr lang="en-US" dirty="0">
              <a:solidFill>
                <a:srgbClr val="FF0000"/>
              </a:solidFill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6094324-B20A-BEFB-709E-F34110AC367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470813" y="866270"/>
            <a:ext cx="1935535" cy="186839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F77B6ACD-EB76-1C39-0483-53C74546715D}"/>
              </a:ext>
            </a:extLst>
          </p:cNvPr>
          <p:cNvSpPr txBox="1"/>
          <p:nvPr/>
        </p:nvSpPr>
        <p:spPr>
          <a:xfrm>
            <a:off x="7953577" y="2838489"/>
            <a:ext cx="4098993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zh-CN" altLang="en-US" dirty="0"/>
              <a:t>下层幕墙边线往内</a:t>
            </a:r>
            <a:r>
              <a:rPr lang="en-US" altLang="zh-CN" dirty="0"/>
              <a:t>300-600</a:t>
            </a:r>
            <a:r>
              <a:rPr lang="zh-CN" altLang="en-US" dirty="0"/>
              <a:t>内有钢结构</a:t>
            </a:r>
            <a:r>
              <a:rPr lang="en-US" altLang="zh-CN" dirty="0"/>
              <a:t>[</a:t>
            </a:r>
            <a:r>
              <a:rPr lang="zh-CN" altLang="en-US" dirty="0"/>
              <a:t>钢结构边梁外侧</a:t>
            </a:r>
            <a:r>
              <a:rPr lang="en-US" altLang="zh-CN" dirty="0"/>
              <a:t>]</a:t>
            </a:r>
            <a:r>
              <a:rPr lang="zh-CN" altLang="en-US" dirty="0"/>
              <a:t>则在钢结构外侧侧焊钢板</a:t>
            </a:r>
            <a:endParaRPr lang="en-US" dirty="0">
              <a:solidFill>
                <a:srgbClr val="FF0000"/>
              </a:solidFill>
            </a:endParaRP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1B25F18A-B077-795A-6110-1D05357A475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47504" y="3496316"/>
            <a:ext cx="2133842" cy="2292122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4859C57C-341C-FAC0-FD6A-BCF81BEA3B74}"/>
              </a:ext>
            </a:extLst>
          </p:cNvPr>
          <p:cNvSpPr txBox="1"/>
          <p:nvPr/>
        </p:nvSpPr>
        <p:spPr>
          <a:xfrm>
            <a:off x="3560323" y="5892267"/>
            <a:ext cx="397078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zh-CN" altLang="en-US" dirty="0"/>
              <a:t>下层幕墙边线往外</a:t>
            </a:r>
            <a:r>
              <a:rPr lang="en-US" altLang="zh-CN" dirty="0"/>
              <a:t>50-350</a:t>
            </a:r>
            <a:r>
              <a:rPr lang="zh-CN" altLang="en-US" dirty="0"/>
              <a:t>内有钢结构</a:t>
            </a:r>
            <a:r>
              <a:rPr lang="en-US" altLang="zh-CN" dirty="0"/>
              <a:t>[</a:t>
            </a:r>
            <a:r>
              <a:rPr lang="zh-CN" altLang="en-US" dirty="0"/>
              <a:t>钢结构边梁内测</a:t>
            </a:r>
            <a:r>
              <a:rPr lang="en-US" altLang="zh-CN" dirty="0"/>
              <a:t>]</a:t>
            </a:r>
            <a:r>
              <a:rPr lang="zh-CN" altLang="en-US" dirty="0"/>
              <a:t>则在钢结构内侧侧焊钢板</a:t>
            </a:r>
            <a:endParaRPr lang="en-US" dirty="0">
              <a:solidFill>
                <a:srgbClr val="FF0000"/>
              </a:solidFill>
            </a:endParaRP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40D23C8B-BDED-C991-0FE8-B59512D586A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77134" y="3472205"/>
            <a:ext cx="2902158" cy="2292122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F867CF23-EFD8-6EB9-D4D4-92372FAB0011}"/>
              </a:ext>
            </a:extLst>
          </p:cNvPr>
          <p:cNvSpPr txBox="1"/>
          <p:nvPr/>
        </p:nvSpPr>
        <p:spPr>
          <a:xfrm>
            <a:off x="8082701" y="5892267"/>
            <a:ext cx="3680674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zh-CN" altLang="en-US" dirty="0">
                <a:solidFill>
                  <a:srgbClr val="FF0000"/>
                </a:solidFill>
              </a:rPr>
              <a:t>若以上三种都不满足则要求主体结构在建筑线向内</a:t>
            </a:r>
            <a:r>
              <a:rPr lang="en-US" altLang="zh-CN" dirty="0">
                <a:solidFill>
                  <a:srgbClr val="FF0000"/>
                </a:solidFill>
              </a:rPr>
              <a:t>300mm</a:t>
            </a:r>
            <a:r>
              <a:rPr lang="zh-CN" altLang="en-US" dirty="0">
                <a:solidFill>
                  <a:srgbClr val="FF0000"/>
                </a:solidFill>
              </a:rPr>
              <a:t>处增加结构梁</a:t>
            </a:r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A044490-F283-E429-F361-78329CCC0EE3}"/>
              </a:ext>
            </a:extLst>
          </p:cNvPr>
          <p:cNvSpPr txBox="1"/>
          <p:nvPr/>
        </p:nvSpPr>
        <p:spPr>
          <a:xfrm>
            <a:off x="3154681" y="2303773"/>
            <a:ext cx="8597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2800" dirty="0"/>
              <a:t>OUT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2EEA539-AAE5-AFE9-B54A-FD841AC79F73}"/>
              </a:ext>
            </a:extLst>
          </p:cNvPr>
          <p:cNvSpPr txBox="1"/>
          <p:nvPr/>
        </p:nvSpPr>
        <p:spPr>
          <a:xfrm>
            <a:off x="7537654" y="2303773"/>
            <a:ext cx="8597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2800" dirty="0"/>
              <a:t>OUT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671D6F78-63A8-93EE-7723-95D32DD814C5}"/>
              </a:ext>
            </a:extLst>
          </p:cNvPr>
          <p:cNvSpPr txBox="1"/>
          <p:nvPr/>
        </p:nvSpPr>
        <p:spPr>
          <a:xfrm>
            <a:off x="3209494" y="5245039"/>
            <a:ext cx="8597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2800" dirty="0"/>
              <a:t>OUT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28C01E80-B345-B878-6C0D-FB06B88398C7}"/>
              </a:ext>
            </a:extLst>
          </p:cNvPr>
          <p:cNvSpPr txBox="1"/>
          <p:nvPr/>
        </p:nvSpPr>
        <p:spPr>
          <a:xfrm>
            <a:off x="7472178" y="5245039"/>
            <a:ext cx="8597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2800" dirty="0"/>
              <a:t>OUT</a:t>
            </a:r>
          </a:p>
        </p:txBody>
      </p:sp>
    </p:spTree>
    <p:extLst>
      <p:ext uri="{BB962C8B-B14F-4D97-AF65-F5344CB8AC3E}">
        <p14:creationId xmlns:p14="http://schemas.microsoft.com/office/powerpoint/2010/main" val="414005705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12E9C2-E888-F8CB-9204-8091E5E470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04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F2C6BB6-D355-E06E-E198-27FDE3B8B92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71C02D30-0B13-C782-37DD-A9738CFB22D5}"/>
              </a:ext>
            </a:extLst>
          </p:cNvPr>
          <p:cNvSpPr txBox="1">
            <a:spLocks/>
          </p:cNvSpPr>
          <p:nvPr/>
        </p:nvSpPr>
        <p:spPr>
          <a:xfrm>
            <a:off x="658814" y="4050314"/>
            <a:ext cx="5722532" cy="161766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zh-CN" altLang="en-US" dirty="0"/>
              <a:t>默认主体结构能提供足够深度的楼板上翻</a:t>
            </a:r>
            <a:endParaRPr lang="en-US" altLang="zh-CN" dirty="0"/>
          </a:p>
          <a:p>
            <a:r>
              <a:rPr lang="zh-CN" altLang="en-US" dirty="0"/>
              <a:t>顶埋 板埋</a:t>
            </a:r>
            <a:endParaRPr lang="en-US" altLang="zh-CN" dirty="0"/>
          </a:p>
          <a:p>
            <a:r>
              <a:rPr lang="zh-CN" altLang="en-US" dirty="0">
                <a:solidFill>
                  <a:srgbClr val="FF0000"/>
                </a:solidFill>
              </a:rPr>
              <a:t>注：如主体结构平面图无示意，则以建筑图边线相对位置布置埋件</a:t>
            </a:r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3C908AC8-CDC7-F4B8-54E6-4E77BF1170AF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3" y="1811338"/>
            <a:ext cx="4827587" cy="1617661"/>
          </a:xfrm>
        </p:spPr>
        <p:txBody>
          <a:bodyPr/>
          <a:lstStyle/>
          <a:p>
            <a:r>
              <a:rPr lang="zh-CN" altLang="en-US" dirty="0"/>
              <a:t>有檐口</a:t>
            </a:r>
            <a:r>
              <a:rPr lang="en-US" altLang="zh-CN" dirty="0"/>
              <a:t>[</a:t>
            </a:r>
            <a:r>
              <a:rPr lang="zh-CN" altLang="en-US" dirty="0"/>
              <a:t>檐口线在结构线外侧</a:t>
            </a:r>
            <a:r>
              <a:rPr lang="en-US" altLang="zh-CN" dirty="0"/>
              <a:t>]</a:t>
            </a:r>
          </a:p>
          <a:p>
            <a:endParaRPr lang="en-US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AF8BA8C-3E50-9746-BD9C-38C809FFE90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458355" y="1807730"/>
            <a:ext cx="4887007" cy="27150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944049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7D4196"/>
    </a:custClr>
    <a:custClr name="Chart 3">
      <a:srgbClr val="005AAA"/>
    </a:custClr>
    <a:custClr name="Chart 4">
      <a:srgbClr val="32A4A0"/>
    </a:custClr>
    <a:custClr name="Chart 5">
      <a:srgbClr val="C83C96"/>
    </a:custClr>
    <a:custClr name="Chart 6">
      <a:srgbClr val="4BA046"/>
    </a:custClr>
    <a:custClr name="Chart 7">
      <a:srgbClr val="1E9B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ial-Times New Roman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Times New Roman" panose="02020603050405020304"/>
        <a:ea typeface=""/>
        <a:cs typeface=""/>
        <a:font script="Jpan" typeface="ＭＳ Ｐ明朝"/>
        <a:font script="Hang" typeface="바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44e5abb-d413-4efd-8d85-1592c1352622">
      <Terms xmlns="http://schemas.microsoft.com/office/infopath/2007/PartnerControls"/>
    </lcf76f155ced4ddcb4097134ff3c332f>
    <TaxCatchAll xmlns="a696b2bc-9a07-4c31-a97e-ebc07f434b39" xsi:nil="true"/>
  </documentManagement>
</p:properties>
</file>

<file path=customXml/item4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Blank","templateDescription":"","enableDocumentContentUpdater":fals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],"formDataEntries":[]}]]></TemplafyForm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文档" ma:contentTypeID="0x010100FAB51D73D0466F4F862D2D27980DBA12" ma:contentTypeVersion="15" ma:contentTypeDescription="新建文档。" ma:contentTypeScope="" ma:versionID="51bac538e316a52f91c4dc91fb8a783d">
  <xsd:schema xmlns:xsd="http://www.w3.org/2001/XMLSchema" xmlns:xs="http://www.w3.org/2001/XMLSchema" xmlns:p="http://schemas.microsoft.com/office/2006/metadata/properties" xmlns:ns2="c44e5abb-d413-4efd-8d85-1592c1352622" xmlns:ns3="a696b2bc-9a07-4c31-a97e-ebc07f434b39" targetNamespace="http://schemas.microsoft.com/office/2006/metadata/properties" ma:root="true" ma:fieldsID="33ccc03101cf78c323a75658d3d55df0" ns2:_="" ns3:_="">
    <xsd:import namespace="c44e5abb-d413-4efd-8d85-1592c1352622"/>
    <xsd:import namespace="a696b2bc-9a07-4c31-a97e-ebc07f434b3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4e5abb-d413-4efd-8d85-1592c135262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5" nillable="true" ma:displayName="Length (seconds)" ma:internalName="MediaLengthInSeconds" ma:readOnly="true">
      <xsd:simpleType>
        <xsd:restriction base="dms:Unknown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21" nillable="true" ma:taxonomy="true" ma:internalName="lcf76f155ced4ddcb4097134ff3c332f" ma:taxonomyFieldName="MediaServiceImageTags" ma:displayName="图像标记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96b2bc-9a07-4c31-a97e-ebc07f434b39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共享对象: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共享对象详细信息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4310fda3-172c-4774-964d-825bc64a84b2}" ma:internalName="TaxCatchAll" ma:showField="CatchAllData" ma:web="a696b2bc-9a07-4c31-a97e-ebc07f434b3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内容类型"/>
        <xsd:element ref="dc:title" minOccurs="0" maxOccurs="1" ma:index="4" ma:displayName="标题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Props1.xml><?xml version="1.0" encoding="utf-8"?>
<ds:datastoreItem xmlns:ds="http://schemas.openxmlformats.org/officeDocument/2006/customXml" ds:itemID="{6E803A3F-64DB-469E-A52C-A9461D2C1E41}">
  <ds:schemaRefs/>
</ds:datastoreItem>
</file>

<file path=customXml/itemProps2.xml><?xml version="1.0" encoding="utf-8"?>
<ds:datastoreItem xmlns:ds="http://schemas.openxmlformats.org/officeDocument/2006/customXml" ds:itemID="{F5A6AC88-5A03-4CBC-B83F-8A83D57514C4}">
  <ds:schemaRefs/>
</ds:datastoreItem>
</file>

<file path=customXml/itemProps3.xml><?xml version="1.0" encoding="utf-8"?>
<ds:datastoreItem xmlns:ds="http://schemas.openxmlformats.org/officeDocument/2006/customXml" ds:itemID="{E1B0B89D-5D52-42A0-A88E-B59C0E9086B6}">
  <ds:schemaRefs>
    <ds:schemaRef ds:uri="http://schemas.microsoft.com/office/2006/metadata/properties"/>
    <ds:schemaRef ds:uri="http://schemas.microsoft.com/office/infopath/2007/PartnerControls"/>
    <ds:schemaRef ds:uri="c44e5abb-d413-4efd-8d85-1592c1352622"/>
    <ds:schemaRef ds:uri="a696b2bc-9a07-4c31-a97e-ebc07f434b39"/>
  </ds:schemaRefs>
</ds:datastoreItem>
</file>

<file path=customXml/itemProps4.xml><?xml version="1.0" encoding="utf-8"?>
<ds:datastoreItem xmlns:ds="http://schemas.openxmlformats.org/officeDocument/2006/customXml" ds:itemID="{CBB68CCC-1B51-492A-84E3-3500C75307DB}">
  <ds:schemaRefs/>
</ds:datastoreItem>
</file>

<file path=customXml/itemProps5.xml><?xml version="1.0" encoding="utf-8"?>
<ds:datastoreItem xmlns:ds="http://schemas.openxmlformats.org/officeDocument/2006/customXml" ds:itemID="{1A299021-E985-4B35-9A82-BEB2F3235D0F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85C9654A-CB65-48CF-ADF0-1162351C4C97}">
  <ds:schemaRefs/>
</ds:datastoreItem>
</file>

<file path=customXml/itemProps7.xml><?xml version="1.0" encoding="utf-8"?>
<ds:datastoreItem xmlns:ds="http://schemas.openxmlformats.org/officeDocument/2006/customXml" ds:itemID="{77E24DAC-FF4E-4869-85A8-DC306C116C0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44e5abb-d413-4efd-8d85-1592c1352622"/>
    <ds:schemaRef ds:uri="a696b2bc-9a07-4c31-a97e-ebc07f434b3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8.xml><?xml version="1.0" encoding="utf-8"?>
<ds:datastoreItem xmlns:ds="http://schemas.openxmlformats.org/officeDocument/2006/customXml" ds:itemID="{B38A1309-93A8-4147-848C-9DBE227067B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81</Words>
  <Application>Microsoft Office PowerPoint</Application>
  <PresentationFormat>Widescreen</PresentationFormat>
  <Paragraphs>32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Times New Roman</vt:lpstr>
      <vt:lpstr>Arup</vt:lpstr>
      <vt:lpstr>Blank</vt:lpstr>
      <vt:lpstr>金桥项目裙楼埋件逻辑梳理</vt:lpstr>
      <vt:lpstr>01</vt:lpstr>
      <vt:lpstr>02</vt:lpstr>
      <vt:lpstr>03</vt:lpstr>
      <vt:lpstr>04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10-19T01:06:19Z</dcterms:created>
  <dcterms:modified xsi:type="dcterms:W3CDTF">2022-10-20T06:33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6-29T16:26:25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d2f615bd-5adc-4406-b42c-8cea75de1189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imeStamp">
    <vt:lpwstr>2022-08-01T14:10:59</vt:lpwstr>
  </property>
  <property fmtid="{D5CDD505-2E9C-101B-9397-08002B2CF9AE}" pid="10" name="TemplafyTenantId">
    <vt:lpwstr>arup</vt:lpwstr>
  </property>
  <property fmtid="{D5CDD505-2E9C-101B-9397-08002B2CF9AE}" pid="11" name="TemplafyTemplateId">
    <vt:lpwstr>637949598584067215</vt:lpwstr>
  </property>
  <property fmtid="{D5CDD505-2E9C-101B-9397-08002B2CF9AE}" pid="12" name="TemplafyUserProfileId">
    <vt:lpwstr>637777383145940079</vt:lpwstr>
  </property>
  <property fmtid="{D5CDD505-2E9C-101B-9397-08002B2CF9AE}" pid="13" name="TemplafyLanguageCode">
    <vt:lpwstr>en-GB</vt:lpwstr>
  </property>
  <property fmtid="{D5CDD505-2E9C-101B-9397-08002B2CF9AE}" pid="14" name="PPStyles">
    <vt:lpwstr/>
  </property>
  <property fmtid="{D5CDD505-2E9C-101B-9397-08002B2CF9AE}" pid="15" name="TemplafyFromBlank">
    <vt:bool>true</vt:bool>
  </property>
  <property fmtid="{D5CDD505-2E9C-101B-9397-08002B2CF9AE}" pid="16" name="ContentTypeId">
    <vt:lpwstr>0x010100FAB51D73D0466F4F862D2D27980DBA12</vt:lpwstr>
  </property>
  <property fmtid="{D5CDD505-2E9C-101B-9397-08002B2CF9AE}" pid="17" name="MediaServiceImageTags">
    <vt:lpwstr/>
  </property>
</Properties>
</file>